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2-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2-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castricu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A0F04C17-F0A1-267E-7A2B-61C07345CBC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1627" y="4655790"/>
            <a:ext cx="3142024" cy="193548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A0F04C17-F0A1-267E-7A2B-61C07345CBC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6311" y="4040693"/>
            <a:ext cx="2040620" cy="125702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2-22T10:10:57Z</dcterms:modified>
</cp:coreProperties>
</file>